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3-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3-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unspee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A162194-A5D9-127E-9108-A9BDE8FAD38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4928" y="4977709"/>
            <a:ext cx="2285387" cy="168661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43B5DA99-5928-EE61-9E66-3C523668E51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6013" y="3663837"/>
            <a:ext cx="2285387" cy="168661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2-13T07:59:50Z</dcterms:modified>
</cp:coreProperties>
</file>